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-120" yWindow="-16320" windowWidth="29040" windowHeight="15840"/>
  </bookViews>
  <sheets>
    <sheet name="(様式１ｰ６)　　株主代表に係る確認書" sheetId="2" r:id="rId1"/>
  </sheets>
  <definedNames>
    <definedName name="_xlnm.Print_Area" localSheetId="0">'(様式１ｰ６)　　株主代表に係る確認書'!$C$2:$AE$45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U27" i="2" l="1"/>
  <c r="Y27" i="2"/>
  <c r="U44" i="2" l="1"/>
</calcChain>
</file>

<file path=xl/sharedStrings.xml><?xml version="1.0" encoding="utf-8"?>
<sst xmlns="http://schemas.openxmlformats.org/spreadsheetml/2006/main" count="55" uniqueCount="26">
  <si>
    <t>住所</t>
    <rPh sb="0" eb="2">
      <t>ジュウショ</t>
    </rPh>
    <phoneticPr fontId="1"/>
  </si>
  <si>
    <t>株</t>
    <rPh sb="0" eb="1">
      <t>カブ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所在地</t>
    <rPh sb="0" eb="3">
      <t>ショザイチ</t>
    </rPh>
    <phoneticPr fontId="1"/>
  </si>
  <si>
    <t>名　称</t>
    <rPh sb="0" eb="1">
      <t>ナ</t>
    </rPh>
    <rPh sb="2" eb="3">
      <t>ショウ</t>
    </rPh>
    <phoneticPr fontId="1"/>
  </si>
  <si>
    <t>株主代表に係る確認書</t>
    <rPh sb="0" eb="2">
      <t>カブヌシ</t>
    </rPh>
    <rPh sb="2" eb="4">
      <t>ダイヒョウ</t>
    </rPh>
    <rPh sb="5" eb="6">
      <t>カカ</t>
    </rPh>
    <rPh sb="7" eb="10">
      <t>カクニンショ</t>
    </rPh>
    <phoneticPr fontId="1"/>
  </si>
  <si>
    <t>１．株主名簿</t>
    <rPh sb="2" eb="4">
      <t>カブヌシ</t>
    </rPh>
    <rPh sb="4" eb="6">
      <t>メイボ</t>
    </rPh>
    <phoneticPr fontId="1"/>
  </si>
  <si>
    <t>株主名</t>
    <rPh sb="0" eb="2">
      <t>カブヌシ</t>
    </rPh>
    <rPh sb="2" eb="3">
      <t>メイ</t>
    </rPh>
    <phoneticPr fontId="1"/>
  </si>
  <si>
    <t>持ち株数</t>
    <rPh sb="0" eb="1">
      <t>モ</t>
    </rPh>
    <rPh sb="2" eb="3">
      <t>カブ</t>
    </rPh>
    <rPh sb="3" eb="4">
      <t>スウ</t>
    </rPh>
    <phoneticPr fontId="1"/>
  </si>
  <si>
    <t>２．株主代表</t>
    <rPh sb="2" eb="4">
      <t>カブヌシ</t>
    </rPh>
    <rPh sb="4" eb="6">
      <t>ダイヒョウ</t>
    </rPh>
    <phoneticPr fontId="1"/>
  </si>
  <si>
    <t>３．株主代表による確認（株主代表を含む）</t>
    <rPh sb="2" eb="4">
      <t>カブヌシ</t>
    </rPh>
    <rPh sb="4" eb="6">
      <t>ダイヒョウ</t>
    </rPh>
    <rPh sb="9" eb="11">
      <t>カクニン</t>
    </rPh>
    <rPh sb="12" eb="14">
      <t>カブヌシ</t>
    </rPh>
    <rPh sb="14" eb="16">
      <t>ダイヒョウ</t>
    </rPh>
    <rPh sb="17" eb="18">
      <t>フク</t>
    </rPh>
    <phoneticPr fontId="1"/>
  </si>
  <si>
    <t>％</t>
    <phoneticPr fontId="1"/>
  </si>
  <si>
    <t>株主代表者名</t>
    <rPh sb="0" eb="2">
      <t>カブヌシ</t>
    </rPh>
    <rPh sb="2" eb="4">
      <t>ダイヒョウ</t>
    </rPh>
    <rPh sb="4" eb="5">
      <t>シャ</t>
    </rPh>
    <phoneticPr fontId="1"/>
  </si>
  <si>
    <t>署名欄</t>
    <rPh sb="0" eb="2">
      <t>ショメイ</t>
    </rPh>
    <rPh sb="2" eb="3">
      <t>ラン</t>
    </rPh>
    <phoneticPr fontId="1"/>
  </si>
  <si>
    <t>　※株主は、上記株主を株主代表として、共同申請することの同意として、自筆による署名すること</t>
    <rPh sb="2" eb="4">
      <t>カブヌシ</t>
    </rPh>
    <rPh sb="6" eb="8">
      <t>ジョウキ</t>
    </rPh>
    <rPh sb="8" eb="10">
      <t>カブヌシ</t>
    </rPh>
    <rPh sb="11" eb="13">
      <t>カブヌシ</t>
    </rPh>
    <rPh sb="13" eb="15">
      <t>ダイヒョウ</t>
    </rPh>
    <rPh sb="19" eb="21">
      <t>キョウドウ</t>
    </rPh>
    <rPh sb="21" eb="23">
      <t>シンセイ</t>
    </rPh>
    <rPh sb="28" eb="30">
      <t>ドウイ</t>
    </rPh>
    <rPh sb="34" eb="36">
      <t>ジヒツ</t>
    </rPh>
    <rPh sb="39" eb="41">
      <t>ショメイ</t>
    </rPh>
    <phoneticPr fontId="1"/>
  </si>
  <si>
    <t>令和</t>
    <rPh sb="0" eb="2">
      <t>レイワ</t>
    </rPh>
    <phoneticPr fontId="3"/>
  </si>
  <si>
    <t>年</t>
    <rPh sb="0" eb="1">
      <t>ネン</t>
    </rPh>
    <phoneticPr fontId="3"/>
  </si>
  <si>
    <t>月</t>
    <rPh sb="0" eb="1">
      <t>ツキ</t>
    </rPh>
    <phoneticPr fontId="3"/>
  </si>
  <si>
    <t>日</t>
    <rPh sb="0" eb="1">
      <t>ニチ</t>
    </rPh>
    <phoneticPr fontId="3"/>
  </si>
  <si>
    <t>　弊社は、補助金の交付等に関する規則（昭和45年神奈川県規則第41号）及び交付要綱の定めるところに従うことを</t>
    <rPh sb="1" eb="3">
      <t>ヘイシャ</t>
    </rPh>
    <rPh sb="5" eb="8">
      <t>ホジョキン</t>
    </rPh>
    <rPh sb="9" eb="11">
      <t>コウフ</t>
    </rPh>
    <rPh sb="11" eb="12">
      <t>トウ</t>
    </rPh>
    <rPh sb="13" eb="14">
      <t>カン</t>
    </rPh>
    <rPh sb="16" eb="18">
      <t>キソク</t>
    </rPh>
    <rPh sb="19" eb="21">
      <t>ショウワ</t>
    </rPh>
    <rPh sb="23" eb="24">
      <t>ネン</t>
    </rPh>
    <rPh sb="24" eb="28">
      <t>カナガワケン</t>
    </rPh>
    <rPh sb="28" eb="30">
      <t>キソク</t>
    </rPh>
    <rPh sb="30" eb="31">
      <t>ダイ</t>
    </rPh>
    <rPh sb="33" eb="34">
      <t>ゴウ</t>
    </rPh>
    <rPh sb="35" eb="36">
      <t>オヨ</t>
    </rPh>
    <rPh sb="37" eb="39">
      <t>コウフ</t>
    </rPh>
    <rPh sb="39" eb="41">
      <t>ヨウコウ</t>
    </rPh>
    <rPh sb="42" eb="43">
      <t>サダ</t>
    </rPh>
    <rPh sb="49" eb="50">
      <t>シタガ</t>
    </rPh>
    <phoneticPr fontId="1"/>
  </si>
  <si>
    <t>承知の上、弊社の株主代表につき、以下のとおり申請します。</t>
    <rPh sb="5" eb="7">
      <t>ヘイシャ</t>
    </rPh>
    <rPh sb="8" eb="10">
      <t>カブヌシ</t>
    </rPh>
    <rPh sb="10" eb="12">
      <t>ダイヒョウ</t>
    </rPh>
    <rPh sb="16" eb="18">
      <t>イカ</t>
    </rPh>
    <rPh sb="22" eb="24">
      <t>シンセイ</t>
    </rPh>
    <phoneticPr fontId="1"/>
  </si>
  <si>
    <t>代表者  職・氏名</t>
    <rPh sb="0" eb="3">
      <t>ダイヒョウシャ</t>
    </rPh>
    <rPh sb="5" eb="6">
      <t>ショク</t>
    </rPh>
    <rPh sb="7" eb="9">
      <t>シメイ</t>
    </rPh>
    <phoneticPr fontId="1"/>
  </si>
  <si>
    <t>(様式１－６)　</t>
    <phoneticPr fontId="1"/>
  </si>
  <si>
    <t>合計</t>
    <rPh sb="0" eb="2">
      <t>ゴウケイ</t>
    </rPh>
    <phoneticPr fontId="1"/>
  </si>
  <si>
    <t>持ち株比率（議決権割合）</t>
    <rPh sb="0" eb="1">
      <t>モ</t>
    </rPh>
    <rPh sb="2" eb="3">
      <t>カブ</t>
    </rPh>
    <rPh sb="3" eb="5">
      <t>ヒリツ</t>
    </rPh>
    <rPh sb="6" eb="9">
      <t>ギケツケン</t>
    </rPh>
    <rPh sb="9" eb="11">
      <t>ワリアイ</t>
    </rPh>
    <phoneticPr fontId="1"/>
  </si>
  <si>
    <t>　　また、確認者の持株の総数が議決権で過半超となること</t>
    <rPh sb="5" eb="7">
      <t>カクニン</t>
    </rPh>
    <rPh sb="7" eb="8">
      <t>シャ</t>
    </rPh>
    <rPh sb="9" eb="11">
      <t>モチカブ</t>
    </rPh>
    <rPh sb="12" eb="14">
      <t>ソウスウ</t>
    </rPh>
    <rPh sb="15" eb="18">
      <t>ギケツケン</t>
    </rPh>
    <rPh sb="19" eb="21">
      <t>カハン</t>
    </rPh>
    <rPh sb="21" eb="22">
      <t>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6" formatCode="&quot;¥&quot;#,##0;[Red]&quot;¥&quot;\-#,##0"/>
    <numFmt numFmtId="176" formatCode="#,##0_ "/>
    <numFmt numFmtId="177" formatCode="0_ "/>
    <numFmt numFmtId="178" formatCode="0;\-0;;@"/>
  </numFmts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ＭＳ 明朝"/>
      <family val="2"/>
      <charset val="128"/>
    </font>
    <font>
      <sz val="14"/>
      <color theme="1"/>
      <name val="游ゴシック"/>
      <family val="2"/>
      <charset val="128"/>
      <scheme val="minor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6" fontId="2" fillId="0" borderId="0" applyFont="0" applyFill="0" applyBorder="0" applyAlignment="0" applyProtection="0">
      <alignment vertical="center"/>
    </xf>
  </cellStyleXfs>
  <cellXfs count="39">
    <xf numFmtId="0" fontId="0" fillId="0" borderId="0" xfId="0">
      <alignment vertical="center"/>
    </xf>
    <xf numFmtId="0" fontId="4" fillId="0" borderId="0" xfId="0" applyFont="1">
      <alignment vertical="center"/>
    </xf>
    <xf numFmtId="176" fontId="5" fillId="0" borderId="0" xfId="0" applyNumberFormat="1" applyFont="1" applyFill="1" applyBorder="1" applyAlignment="1" applyProtection="1">
      <alignment horizontal="center" vertical="center"/>
    </xf>
    <xf numFmtId="177" fontId="6" fillId="2" borderId="0" xfId="0" applyNumberFormat="1" applyFont="1" applyFill="1" applyBorder="1" applyAlignment="1" applyProtection="1">
      <alignment horizontal="center" vertical="center"/>
      <protection locked="0"/>
    </xf>
    <xf numFmtId="31" fontId="6" fillId="0" borderId="0" xfId="0" applyNumberFormat="1" applyFont="1" applyFill="1" applyBorder="1" applyAlignment="1" applyProtection="1">
      <alignment horizontal="center" vertical="center" shrinkToFit="1"/>
    </xf>
    <xf numFmtId="0" fontId="6" fillId="0" borderId="0" xfId="0" applyNumberFormat="1" applyFont="1" applyAlignment="1">
      <alignment horizontal="center" vertical="center" shrinkToFit="1"/>
    </xf>
    <xf numFmtId="0" fontId="4" fillId="0" borderId="1" xfId="0" applyFont="1" applyBorder="1" applyAlignment="1">
      <alignment horizontal="center" vertical="center"/>
    </xf>
    <xf numFmtId="177" fontId="4" fillId="0" borderId="0" xfId="0" applyNumberFormat="1" applyFont="1">
      <alignment vertical="center"/>
    </xf>
    <xf numFmtId="176" fontId="5" fillId="0" borderId="0" xfId="0" applyNumberFormat="1" applyFont="1" applyFill="1" applyBorder="1" applyAlignment="1" applyProtection="1">
      <alignment horizontal="right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Protection="1">
      <alignment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178" fontId="4" fillId="0" borderId="1" xfId="0" applyNumberFormat="1" applyFont="1" applyBorder="1" applyAlignment="1">
      <alignment vertical="center"/>
    </xf>
    <xf numFmtId="178" fontId="0" fillId="0" borderId="1" xfId="0" applyNumberFormat="1" applyBorder="1" applyAlignment="1">
      <alignment vertical="center"/>
    </xf>
    <xf numFmtId="177" fontId="4" fillId="0" borderId="1" xfId="0" applyNumberFormat="1" applyFont="1" applyBorder="1" applyAlignment="1">
      <alignment vertical="center"/>
    </xf>
    <xf numFmtId="0" fontId="0" fillId="0" borderId="1" xfId="0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6" fontId="5" fillId="3" borderId="2" xfId="1" applyFont="1" applyFill="1" applyBorder="1" applyAlignment="1" applyProtection="1">
      <alignment horizontal="left" vertical="center" shrinkToFit="1"/>
      <protection locked="0"/>
    </xf>
    <xf numFmtId="6" fontId="5" fillId="3" borderId="3" xfId="1" applyFont="1" applyFill="1" applyBorder="1" applyAlignment="1" applyProtection="1">
      <alignment horizontal="left" vertical="center" shrinkToFit="1"/>
      <protection locked="0"/>
    </xf>
    <xf numFmtId="6" fontId="5" fillId="3" borderId="4" xfId="1" applyFont="1" applyFill="1" applyBorder="1" applyAlignment="1" applyProtection="1">
      <alignment horizontal="left" vertical="center" shrinkToFit="1"/>
      <protection locked="0"/>
    </xf>
    <xf numFmtId="0" fontId="4" fillId="0" borderId="3" xfId="0" applyFont="1" applyBorder="1" applyAlignment="1">
      <alignment horizontal="left" vertical="center" shrinkToFit="1"/>
    </xf>
    <xf numFmtId="0" fontId="4" fillId="0" borderId="4" xfId="0" applyFont="1" applyBorder="1" applyAlignment="1">
      <alignment horizontal="left" vertical="center" shrinkToFit="1"/>
    </xf>
    <xf numFmtId="177" fontId="5" fillId="3" borderId="3" xfId="1" applyNumberFormat="1" applyFont="1" applyFill="1" applyBorder="1" applyAlignment="1" applyProtection="1">
      <alignment horizontal="right" vertical="center" shrinkToFit="1"/>
      <protection locked="0"/>
    </xf>
    <xf numFmtId="177" fontId="4" fillId="0" borderId="3" xfId="0" applyNumberFormat="1" applyFont="1" applyBorder="1" applyAlignment="1">
      <alignment horizontal="right" vertical="center" shrinkToFit="1"/>
    </xf>
    <xf numFmtId="177" fontId="4" fillId="0" borderId="4" xfId="0" applyNumberFormat="1" applyFont="1" applyBorder="1" applyAlignment="1">
      <alignment horizontal="right" vertical="center" shrinkToFit="1"/>
    </xf>
    <xf numFmtId="177" fontId="5" fillId="3" borderId="2" xfId="1" applyNumberFormat="1" applyFont="1" applyFill="1" applyBorder="1" applyAlignment="1" applyProtection="1">
      <alignment horizontal="right" vertical="center" shrinkToFit="1"/>
      <protection locked="0"/>
    </xf>
    <xf numFmtId="0" fontId="0" fillId="0" borderId="3" xfId="0" applyBorder="1" applyAlignment="1">
      <alignment horizontal="right" vertical="center" shrinkToFit="1"/>
    </xf>
    <xf numFmtId="0" fontId="0" fillId="0" borderId="4" xfId="0" applyBorder="1" applyAlignment="1">
      <alignment horizontal="right" vertical="center" shrinkToFi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1" xfId="0" applyFont="1" applyBorder="1" applyAlignment="1">
      <alignment horizontal="center" vertical="center" shrinkToFit="1"/>
    </xf>
    <xf numFmtId="6" fontId="5" fillId="3" borderId="0" xfId="1" applyFont="1" applyFill="1" applyBorder="1" applyAlignment="1" applyProtection="1">
      <alignment horizontal="left" vertical="center" wrapText="1" shrinkToFit="1"/>
      <protection locked="0"/>
    </xf>
    <xf numFmtId="6" fontId="5" fillId="3" borderId="0" xfId="1" applyFont="1" applyFill="1" applyAlignment="1" applyProtection="1">
      <alignment horizontal="left" vertical="center" wrapText="1" shrinkToFit="1"/>
      <protection locked="0"/>
    </xf>
    <xf numFmtId="0" fontId="4" fillId="0" borderId="0" xfId="0" applyFont="1" applyAlignment="1">
      <alignment horizontal="left" vertical="center" wrapText="1" shrinkToFit="1"/>
    </xf>
    <xf numFmtId="6" fontId="5" fillId="3" borderId="0" xfId="1" applyFont="1" applyFill="1" applyBorder="1" applyAlignment="1" applyProtection="1">
      <alignment horizontal="left" vertical="center" shrinkToFit="1"/>
      <protection locked="0"/>
    </xf>
    <xf numFmtId="6" fontId="5" fillId="3" borderId="0" xfId="1" applyFont="1" applyFill="1" applyAlignment="1" applyProtection="1">
      <alignment horizontal="left" vertical="center" shrinkToFit="1"/>
      <protection locked="0"/>
    </xf>
  </cellXfs>
  <cellStyles count="2">
    <cellStyle name="通貨" xfId="1" builtinId="7"/>
    <cellStyle name="標準" xfId="0" builtinId="0"/>
  </cellStyles>
  <dxfs count="28"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patternFill>
          <fgColor rgb="FFFFFF99"/>
        </patternFill>
      </fill>
    </dxf>
    <dxf>
      <fill>
        <gradientFill degree="90">
          <stop position="0">
            <color rgb="FFFFFF99"/>
          </stop>
          <stop position="1">
            <color rgb="FFFFFF99"/>
          </stop>
        </gradientFill>
      </fill>
    </dxf>
  </dxfs>
  <tableStyles count="0" defaultTableStyle="TableStyleMedium2" defaultPivotStyle="PivotStyleLight16"/>
  <colors>
    <mruColors>
      <color rgb="FFFFD757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D2:AI44"/>
  <sheetViews>
    <sheetView showGridLines="0" showZeros="0" tabSelected="1" view="pageBreakPreview" zoomScaleNormal="100" zoomScaleSheetLayoutView="100" workbookViewId="0">
      <selection activeCell="U20" sqref="U20:W20"/>
    </sheetView>
  </sheetViews>
  <sheetFormatPr defaultColWidth="4.625" defaultRowHeight="24" x14ac:dyDescent="0.4"/>
  <cols>
    <col min="1" max="1" width="4.625" style="1"/>
    <col min="2" max="2" width="1.625" style="1" customWidth="1"/>
    <col min="3" max="3" width="2.875" style="1" customWidth="1"/>
    <col min="4" max="23" width="4.625" style="1"/>
    <col min="24" max="24" width="4.75" style="1" customWidth="1"/>
    <col min="25" max="25" width="4.625" style="1" customWidth="1"/>
    <col min="26" max="29" width="4.625" style="1"/>
    <col min="30" max="30" width="4.625" style="1" customWidth="1"/>
    <col min="31" max="31" width="2.875" style="1" customWidth="1"/>
    <col min="32" max="34" width="4.625" style="1"/>
    <col min="35" max="35" width="4.625" style="1" customWidth="1"/>
    <col min="36" max="16384" width="4.625" style="1"/>
  </cols>
  <sheetData>
    <row r="2" spans="4:30" ht="21" customHeight="1" x14ac:dyDescent="0.4"/>
    <row r="3" spans="4:30" ht="21" customHeight="1" x14ac:dyDescent="0.4">
      <c r="D3" s="1" t="s">
        <v>22</v>
      </c>
    </row>
    <row r="4" spans="4:30" ht="21" customHeight="1" x14ac:dyDescent="0.4">
      <c r="V4" s="2"/>
      <c r="W4" s="2"/>
      <c r="X4" s="8" t="s">
        <v>15</v>
      </c>
      <c r="Y4" s="3"/>
      <c r="Z4" s="4" t="s">
        <v>16</v>
      </c>
      <c r="AA4" s="3"/>
      <c r="AB4" s="4" t="s">
        <v>17</v>
      </c>
      <c r="AC4" s="3"/>
      <c r="AD4" s="5" t="s">
        <v>18</v>
      </c>
    </row>
    <row r="5" spans="4:30" ht="21" customHeight="1" x14ac:dyDescent="0.4">
      <c r="D5" s="1" t="s">
        <v>2</v>
      </c>
    </row>
    <row r="6" spans="4:30" ht="24.95" customHeight="1" x14ac:dyDescent="0.4">
      <c r="Q6" s="1" t="s">
        <v>3</v>
      </c>
      <c r="U6" s="34"/>
      <c r="V6" s="34"/>
      <c r="W6" s="34"/>
      <c r="X6" s="34"/>
      <c r="Y6" s="35"/>
      <c r="Z6" s="35"/>
      <c r="AA6" s="35"/>
      <c r="AB6" s="35"/>
      <c r="AC6" s="35"/>
      <c r="AD6" s="35"/>
    </row>
    <row r="7" spans="4:30" ht="24.95" customHeight="1" x14ac:dyDescent="0.4">
      <c r="U7" s="36"/>
      <c r="V7" s="36"/>
      <c r="W7" s="36"/>
      <c r="X7" s="36"/>
      <c r="Y7" s="36"/>
      <c r="Z7" s="36"/>
      <c r="AA7" s="36"/>
      <c r="AB7" s="36"/>
      <c r="AC7" s="36"/>
      <c r="AD7" s="36"/>
    </row>
    <row r="8" spans="4:30" ht="24.95" customHeight="1" x14ac:dyDescent="0.4">
      <c r="Q8" s="1" t="s">
        <v>4</v>
      </c>
      <c r="U8" s="37"/>
      <c r="V8" s="37"/>
      <c r="W8" s="37"/>
      <c r="X8" s="37"/>
      <c r="Y8" s="38"/>
      <c r="Z8" s="38"/>
      <c r="AA8" s="38"/>
      <c r="AB8" s="38"/>
      <c r="AC8" s="38"/>
      <c r="AD8" s="38"/>
    </row>
    <row r="9" spans="4:30" ht="24.95" customHeight="1" x14ac:dyDescent="0.4">
      <c r="Q9" s="9" t="s">
        <v>21</v>
      </c>
      <c r="U9" s="37"/>
      <c r="V9" s="37"/>
      <c r="W9" s="37"/>
      <c r="X9" s="37"/>
      <c r="Y9" s="38"/>
      <c r="Z9" s="38"/>
      <c r="AA9" s="38"/>
      <c r="AB9" s="38"/>
      <c r="AC9" s="38"/>
      <c r="AD9" s="38"/>
    </row>
    <row r="10" spans="4:30" ht="21" customHeight="1" x14ac:dyDescent="0.4">
      <c r="H10" s="10"/>
    </row>
    <row r="11" spans="4:30" ht="21" customHeight="1" x14ac:dyDescent="0.4"/>
    <row r="12" spans="4:30" ht="21" customHeight="1" x14ac:dyDescent="0.4">
      <c r="D12" s="1" t="s">
        <v>19</v>
      </c>
    </row>
    <row r="13" spans="4:30" ht="21" customHeight="1" x14ac:dyDescent="0.4">
      <c r="D13" s="1" t="s">
        <v>20</v>
      </c>
    </row>
    <row r="14" spans="4:30" ht="21" customHeight="1" x14ac:dyDescent="0.4"/>
    <row r="15" spans="4:30" ht="21" customHeight="1" x14ac:dyDescent="0.4">
      <c r="N15" s="1" t="s">
        <v>5</v>
      </c>
    </row>
    <row r="16" spans="4:30" ht="21" customHeight="1" x14ac:dyDescent="0.4"/>
    <row r="17" spans="4:35" ht="21" customHeight="1" x14ac:dyDescent="0.4">
      <c r="D17" s="1" t="s">
        <v>6</v>
      </c>
    </row>
    <row r="18" spans="4:35" ht="21" customHeight="1" x14ac:dyDescent="0.4">
      <c r="D18" s="17" t="s">
        <v>7</v>
      </c>
      <c r="E18" s="17"/>
      <c r="F18" s="17"/>
      <c r="G18" s="17"/>
      <c r="H18" s="17"/>
      <c r="I18" s="17" t="s">
        <v>0</v>
      </c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 t="s">
        <v>8</v>
      </c>
      <c r="V18" s="17"/>
      <c r="W18" s="17"/>
      <c r="X18" s="17"/>
      <c r="Y18" s="33" t="s">
        <v>24</v>
      </c>
      <c r="Z18" s="33"/>
      <c r="AA18" s="33"/>
      <c r="AB18" s="33"/>
      <c r="AC18" s="33"/>
      <c r="AD18" s="33"/>
    </row>
    <row r="19" spans="4:35" ht="35.1" customHeight="1" x14ac:dyDescent="0.4">
      <c r="D19" s="19"/>
      <c r="E19" s="20"/>
      <c r="F19" s="20"/>
      <c r="G19" s="20"/>
      <c r="H19" s="21"/>
      <c r="I19" s="19"/>
      <c r="J19" s="20"/>
      <c r="K19" s="20"/>
      <c r="L19" s="20"/>
      <c r="M19" s="20"/>
      <c r="N19" s="22"/>
      <c r="O19" s="22"/>
      <c r="P19" s="22"/>
      <c r="Q19" s="22"/>
      <c r="R19" s="22"/>
      <c r="S19" s="22"/>
      <c r="T19" s="23"/>
      <c r="U19" s="24"/>
      <c r="V19" s="25"/>
      <c r="W19" s="26"/>
      <c r="X19" s="6" t="s">
        <v>1</v>
      </c>
      <c r="Y19" s="27"/>
      <c r="Z19" s="25"/>
      <c r="AA19" s="25"/>
      <c r="AB19" s="28"/>
      <c r="AC19" s="29"/>
      <c r="AD19" s="6" t="s">
        <v>11</v>
      </c>
      <c r="AI19" s="7"/>
    </row>
    <row r="20" spans="4:35" ht="35.1" customHeight="1" x14ac:dyDescent="0.4">
      <c r="D20" s="19"/>
      <c r="E20" s="20"/>
      <c r="F20" s="20"/>
      <c r="G20" s="20"/>
      <c r="H20" s="21"/>
      <c r="I20" s="19"/>
      <c r="J20" s="20"/>
      <c r="K20" s="20"/>
      <c r="L20" s="20"/>
      <c r="M20" s="20"/>
      <c r="N20" s="22"/>
      <c r="O20" s="22"/>
      <c r="P20" s="22"/>
      <c r="Q20" s="22"/>
      <c r="R20" s="22"/>
      <c r="S20" s="22"/>
      <c r="T20" s="23"/>
      <c r="U20" s="24"/>
      <c r="V20" s="25"/>
      <c r="W20" s="26"/>
      <c r="X20" s="6" t="s">
        <v>1</v>
      </c>
      <c r="Y20" s="27"/>
      <c r="Z20" s="25"/>
      <c r="AA20" s="25"/>
      <c r="AB20" s="28"/>
      <c r="AC20" s="29"/>
      <c r="AD20" s="6" t="s">
        <v>11</v>
      </c>
    </row>
    <row r="21" spans="4:35" ht="35.1" customHeight="1" x14ac:dyDescent="0.4">
      <c r="D21" s="19"/>
      <c r="E21" s="20"/>
      <c r="F21" s="20"/>
      <c r="G21" s="20"/>
      <c r="H21" s="21"/>
      <c r="I21" s="19"/>
      <c r="J21" s="20"/>
      <c r="K21" s="20"/>
      <c r="L21" s="20"/>
      <c r="M21" s="20"/>
      <c r="N21" s="22"/>
      <c r="O21" s="22"/>
      <c r="P21" s="22"/>
      <c r="Q21" s="22"/>
      <c r="R21" s="22"/>
      <c r="S21" s="22"/>
      <c r="T21" s="23"/>
      <c r="U21" s="24"/>
      <c r="V21" s="25"/>
      <c r="W21" s="26"/>
      <c r="X21" s="6" t="s">
        <v>1</v>
      </c>
      <c r="Y21" s="27"/>
      <c r="Z21" s="25"/>
      <c r="AA21" s="25"/>
      <c r="AB21" s="28"/>
      <c r="AC21" s="29"/>
      <c r="AD21" s="6" t="s">
        <v>11</v>
      </c>
    </row>
    <row r="22" spans="4:35" ht="35.1" customHeight="1" x14ac:dyDescent="0.4">
      <c r="D22" s="19"/>
      <c r="E22" s="20"/>
      <c r="F22" s="20"/>
      <c r="G22" s="20"/>
      <c r="H22" s="21"/>
      <c r="I22" s="19"/>
      <c r="J22" s="20"/>
      <c r="K22" s="20"/>
      <c r="L22" s="20"/>
      <c r="M22" s="20"/>
      <c r="N22" s="22"/>
      <c r="O22" s="22"/>
      <c r="P22" s="22"/>
      <c r="Q22" s="22"/>
      <c r="R22" s="22"/>
      <c r="S22" s="22"/>
      <c r="T22" s="23"/>
      <c r="U22" s="24"/>
      <c r="V22" s="25"/>
      <c r="W22" s="26"/>
      <c r="X22" s="6" t="s">
        <v>1</v>
      </c>
      <c r="Y22" s="27"/>
      <c r="Z22" s="25"/>
      <c r="AA22" s="25"/>
      <c r="AB22" s="28"/>
      <c r="AC22" s="29"/>
      <c r="AD22" s="6" t="s">
        <v>11</v>
      </c>
    </row>
    <row r="23" spans="4:35" ht="35.1" customHeight="1" x14ac:dyDescent="0.4">
      <c r="D23" s="19"/>
      <c r="E23" s="20"/>
      <c r="F23" s="20"/>
      <c r="G23" s="20"/>
      <c r="H23" s="21"/>
      <c r="I23" s="19"/>
      <c r="J23" s="20"/>
      <c r="K23" s="20"/>
      <c r="L23" s="20"/>
      <c r="M23" s="20"/>
      <c r="N23" s="22"/>
      <c r="O23" s="22"/>
      <c r="P23" s="22"/>
      <c r="Q23" s="22"/>
      <c r="R23" s="22"/>
      <c r="S23" s="22"/>
      <c r="T23" s="23"/>
      <c r="U23" s="24"/>
      <c r="V23" s="25"/>
      <c r="W23" s="26"/>
      <c r="X23" s="6" t="s">
        <v>1</v>
      </c>
      <c r="Y23" s="27"/>
      <c r="Z23" s="25"/>
      <c r="AA23" s="25"/>
      <c r="AB23" s="28"/>
      <c r="AC23" s="29"/>
      <c r="AD23" s="6" t="s">
        <v>11</v>
      </c>
    </row>
    <row r="24" spans="4:35" ht="35.1" customHeight="1" x14ac:dyDescent="0.4">
      <c r="D24" s="19"/>
      <c r="E24" s="20"/>
      <c r="F24" s="20"/>
      <c r="G24" s="20"/>
      <c r="H24" s="21"/>
      <c r="I24" s="19"/>
      <c r="J24" s="20"/>
      <c r="K24" s="20"/>
      <c r="L24" s="20"/>
      <c r="M24" s="20"/>
      <c r="N24" s="22"/>
      <c r="O24" s="22"/>
      <c r="P24" s="22"/>
      <c r="Q24" s="22"/>
      <c r="R24" s="22"/>
      <c r="S24" s="22"/>
      <c r="T24" s="23"/>
      <c r="U24" s="24"/>
      <c r="V24" s="25"/>
      <c r="W24" s="26"/>
      <c r="X24" s="6" t="s">
        <v>1</v>
      </c>
      <c r="Y24" s="27"/>
      <c r="Z24" s="25"/>
      <c r="AA24" s="25"/>
      <c r="AB24" s="28"/>
      <c r="AC24" s="29"/>
      <c r="AD24" s="6" t="s">
        <v>11</v>
      </c>
    </row>
    <row r="25" spans="4:35" ht="35.1" customHeight="1" x14ac:dyDescent="0.4">
      <c r="D25" s="19"/>
      <c r="E25" s="20"/>
      <c r="F25" s="20"/>
      <c r="G25" s="20"/>
      <c r="H25" s="21"/>
      <c r="I25" s="19"/>
      <c r="J25" s="20"/>
      <c r="K25" s="20"/>
      <c r="L25" s="20"/>
      <c r="M25" s="20"/>
      <c r="N25" s="22"/>
      <c r="O25" s="22"/>
      <c r="P25" s="22"/>
      <c r="Q25" s="22"/>
      <c r="R25" s="22"/>
      <c r="S25" s="22"/>
      <c r="T25" s="23"/>
      <c r="U25" s="24"/>
      <c r="V25" s="25"/>
      <c r="W25" s="26"/>
      <c r="X25" s="6" t="s">
        <v>1</v>
      </c>
      <c r="Y25" s="27"/>
      <c r="Z25" s="25"/>
      <c r="AA25" s="25"/>
      <c r="AB25" s="28"/>
      <c r="AC25" s="29"/>
      <c r="AD25" s="6" t="s">
        <v>11</v>
      </c>
    </row>
    <row r="26" spans="4:35" ht="35.1" customHeight="1" x14ac:dyDescent="0.4">
      <c r="D26" s="19"/>
      <c r="E26" s="20"/>
      <c r="F26" s="20"/>
      <c r="G26" s="20"/>
      <c r="H26" s="21"/>
      <c r="I26" s="19"/>
      <c r="J26" s="20"/>
      <c r="K26" s="20"/>
      <c r="L26" s="20"/>
      <c r="M26" s="20"/>
      <c r="N26" s="22"/>
      <c r="O26" s="22"/>
      <c r="P26" s="22"/>
      <c r="Q26" s="22"/>
      <c r="R26" s="22"/>
      <c r="S26" s="22"/>
      <c r="T26" s="23"/>
      <c r="U26" s="24"/>
      <c r="V26" s="25"/>
      <c r="W26" s="26"/>
      <c r="X26" s="6" t="s">
        <v>1</v>
      </c>
      <c r="Y26" s="27"/>
      <c r="Z26" s="25"/>
      <c r="AA26" s="25"/>
      <c r="AB26" s="28"/>
      <c r="AC26" s="29"/>
      <c r="AD26" s="6" t="s">
        <v>11</v>
      </c>
    </row>
    <row r="27" spans="4:35" ht="34.5" customHeight="1" x14ac:dyDescent="0.4">
      <c r="R27" s="17" t="s">
        <v>23</v>
      </c>
      <c r="S27" s="18"/>
      <c r="T27" s="18"/>
      <c r="U27" s="15">
        <f>SUM(U19:W26)</f>
        <v>0</v>
      </c>
      <c r="V27" s="16"/>
      <c r="W27" s="16"/>
      <c r="X27" s="11" t="s">
        <v>1</v>
      </c>
      <c r="Y27" s="13">
        <f>SUM(Y19:AC26)</f>
        <v>0</v>
      </c>
      <c r="Z27" s="14"/>
      <c r="AA27" s="14"/>
      <c r="AB27" s="14"/>
      <c r="AC27" s="14"/>
      <c r="AD27" s="12" t="s">
        <v>11</v>
      </c>
    </row>
    <row r="28" spans="4:35" ht="21" customHeight="1" x14ac:dyDescent="0.4">
      <c r="D28" s="1" t="s">
        <v>9</v>
      </c>
    </row>
    <row r="29" spans="4:35" ht="21" customHeight="1" x14ac:dyDescent="0.4">
      <c r="D29" s="17" t="s">
        <v>12</v>
      </c>
      <c r="E29" s="17"/>
      <c r="F29" s="17"/>
      <c r="G29" s="17"/>
      <c r="H29" s="17"/>
      <c r="I29" s="17"/>
    </row>
    <row r="30" spans="4:35" ht="35.1" customHeight="1" x14ac:dyDescent="0.4">
      <c r="D30" s="19"/>
      <c r="E30" s="20"/>
      <c r="F30" s="20"/>
      <c r="G30" s="20"/>
      <c r="H30" s="20"/>
      <c r="I30" s="23"/>
    </row>
    <row r="31" spans="4:35" ht="21" customHeight="1" x14ac:dyDescent="0.4"/>
    <row r="32" spans="4:35" ht="21" customHeight="1" x14ac:dyDescent="0.4">
      <c r="D32" s="1" t="s">
        <v>10</v>
      </c>
    </row>
    <row r="33" spans="4:30" ht="21" customHeight="1" x14ac:dyDescent="0.4">
      <c r="D33" s="1" t="s">
        <v>14</v>
      </c>
    </row>
    <row r="34" spans="4:30" ht="21" customHeight="1" x14ac:dyDescent="0.4">
      <c r="D34" s="1" t="s">
        <v>25</v>
      </c>
    </row>
    <row r="35" spans="4:30" ht="21" customHeight="1" x14ac:dyDescent="0.4">
      <c r="D35" s="17" t="s">
        <v>7</v>
      </c>
      <c r="E35" s="17"/>
      <c r="F35" s="17"/>
      <c r="G35" s="17"/>
      <c r="H35" s="17"/>
      <c r="I35" s="17" t="s">
        <v>0</v>
      </c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 t="s">
        <v>8</v>
      </c>
      <c r="V35" s="17"/>
      <c r="W35" s="17"/>
      <c r="X35" s="17"/>
      <c r="Y35" s="17" t="s">
        <v>13</v>
      </c>
      <c r="Z35" s="17"/>
      <c r="AA35" s="17"/>
      <c r="AB35" s="17"/>
      <c r="AC35" s="17"/>
      <c r="AD35" s="17"/>
    </row>
    <row r="36" spans="4:30" ht="50.1" customHeight="1" x14ac:dyDescent="0.4">
      <c r="D36" s="19"/>
      <c r="E36" s="20"/>
      <c r="F36" s="20"/>
      <c r="G36" s="20"/>
      <c r="H36" s="21"/>
      <c r="I36" s="19"/>
      <c r="J36" s="20"/>
      <c r="K36" s="20"/>
      <c r="L36" s="20"/>
      <c r="M36" s="20"/>
      <c r="N36" s="22"/>
      <c r="O36" s="22"/>
      <c r="P36" s="22"/>
      <c r="Q36" s="22"/>
      <c r="R36" s="22"/>
      <c r="S36" s="22"/>
      <c r="T36" s="23"/>
      <c r="U36" s="24"/>
      <c r="V36" s="25"/>
      <c r="W36" s="26"/>
      <c r="X36" s="6" t="s">
        <v>1</v>
      </c>
      <c r="Y36" s="30"/>
      <c r="Z36" s="31"/>
      <c r="AA36" s="31"/>
      <c r="AB36" s="31"/>
      <c r="AC36" s="31"/>
      <c r="AD36" s="32"/>
    </row>
    <row r="37" spans="4:30" ht="50.1" customHeight="1" x14ac:dyDescent="0.4">
      <c r="D37" s="19"/>
      <c r="E37" s="20"/>
      <c r="F37" s="20"/>
      <c r="G37" s="20"/>
      <c r="H37" s="21"/>
      <c r="I37" s="19"/>
      <c r="J37" s="20"/>
      <c r="K37" s="20"/>
      <c r="L37" s="20"/>
      <c r="M37" s="20"/>
      <c r="N37" s="22"/>
      <c r="O37" s="22"/>
      <c r="P37" s="22"/>
      <c r="Q37" s="22"/>
      <c r="R37" s="22"/>
      <c r="S37" s="22"/>
      <c r="T37" s="23"/>
      <c r="U37" s="24"/>
      <c r="V37" s="25"/>
      <c r="W37" s="26"/>
      <c r="X37" s="6" t="s">
        <v>1</v>
      </c>
      <c r="Y37" s="30"/>
      <c r="Z37" s="31"/>
      <c r="AA37" s="31"/>
      <c r="AB37" s="31"/>
      <c r="AC37" s="31"/>
      <c r="AD37" s="32"/>
    </row>
    <row r="38" spans="4:30" ht="50.1" customHeight="1" x14ac:dyDescent="0.4">
      <c r="D38" s="19"/>
      <c r="E38" s="20"/>
      <c r="F38" s="20"/>
      <c r="G38" s="20"/>
      <c r="H38" s="21"/>
      <c r="I38" s="19"/>
      <c r="J38" s="20"/>
      <c r="K38" s="20"/>
      <c r="L38" s="20"/>
      <c r="M38" s="20"/>
      <c r="N38" s="22"/>
      <c r="O38" s="22"/>
      <c r="P38" s="22"/>
      <c r="Q38" s="22"/>
      <c r="R38" s="22"/>
      <c r="S38" s="22"/>
      <c r="T38" s="23"/>
      <c r="U38" s="24"/>
      <c r="V38" s="25"/>
      <c r="W38" s="26"/>
      <c r="X38" s="6" t="s">
        <v>1</v>
      </c>
      <c r="Y38" s="30"/>
      <c r="Z38" s="31"/>
      <c r="AA38" s="31"/>
      <c r="AB38" s="31"/>
      <c r="AC38" s="31"/>
      <c r="AD38" s="32"/>
    </row>
    <row r="39" spans="4:30" ht="50.1" customHeight="1" x14ac:dyDescent="0.4">
      <c r="D39" s="19"/>
      <c r="E39" s="20"/>
      <c r="F39" s="20"/>
      <c r="G39" s="20"/>
      <c r="H39" s="21"/>
      <c r="I39" s="19"/>
      <c r="J39" s="20"/>
      <c r="K39" s="20"/>
      <c r="L39" s="20"/>
      <c r="M39" s="20"/>
      <c r="N39" s="22"/>
      <c r="O39" s="22"/>
      <c r="P39" s="22"/>
      <c r="Q39" s="22"/>
      <c r="R39" s="22"/>
      <c r="S39" s="22"/>
      <c r="T39" s="23"/>
      <c r="U39" s="24"/>
      <c r="V39" s="25"/>
      <c r="W39" s="26"/>
      <c r="X39" s="6" t="s">
        <v>1</v>
      </c>
      <c r="Y39" s="30"/>
      <c r="Z39" s="31"/>
      <c r="AA39" s="31"/>
      <c r="AB39" s="31"/>
      <c r="AC39" s="31"/>
      <c r="AD39" s="32"/>
    </row>
    <row r="40" spans="4:30" ht="50.1" customHeight="1" x14ac:dyDescent="0.4">
      <c r="D40" s="19"/>
      <c r="E40" s="20"/>
      <c r="F40" s="20"/>
      <c r="G40" s="20"/>
      <c r="H40" s="21"/>
      <c r="I40" s="19"/>
      <c r="J40" s="20"/>
      <c r="K40" s="20"/>
      <c r="L40" s="20"/>
      <c r="M40" s="20"/>
      <c r="N40" s="22"/>
      <c r="O40" s="22"/>
      <c r="P40" s="22"/>
      <c r="Q40" s="22"/>
      <c r="R40" s="22"/>
      <c r="S40" s="22"/>
      <c r="T40" s="23"/>
      <c r="U40" s="24"/>
      <c r="V40" s="25"/>
      <c r="W40" s="26"/>
      <c r="X40" s="6" t="s">
        <v>1</v>
      </c>
      <c r="Y40" s="30"/>
      <c r="Z40" s="31"/>
      <c r="AA40" s="31"/>
      <c r="AB40" s="31"/>
      <c r="AC40" s="31"/>
      <c r="AD40" s="32"/>
    </row>
    <row r="41" spans="4:30" ht="50.1" customHeight="1" x14ac:dyDescent="0.4">
      <c r="D41" s="19"/>
      <c r="E41" s="20"/>
      <c r="F41" s="20"/>
      <c r="G41" s="20"/>
      <c r="H41" s="21"/>
      <c r="I41" s="19"/>
      <c r="J41" s="20"/>
      <c r="K41" s="20"/>
      <c r="L41" s="20"/>
      <c r="M41" s="20"/>
      <c r="N41" s="22"/>
      <c r="O41" s="22"/>
      <c r="P41" s="22"/>
      <c r="Q41" s="22"/>
      <c r="R41" s="22"/>
      <c r="S41" s="22"/>
      <c r="T41" s="23"/>
      <c r="U41" s="24"/>
      <c r="V41" s="25"/>
      <c r="W41" s="26"/>
      <c r="X41" s="6" t="s">
        <v>1</v>
      </c>
      <c r="Y41" s="30"/>
      <c r="Z41" s="31"/>
      <c r="AA41" s="31"/>
      <c r="AB41" s="31"/>
      <c r="AC41" s="31"/>
      <c r="AD41" s="32"/>
    </row>
    <row r="42" spans="4:30" ht="50.1" customHeight="1" x14ac:dyDescent="0.4">
      <c r="D42" s="19"/>
      <c r="E42" s="20"/>
      <c r="F42" s="20"/>
      <c r="G42" s="20"/>
      <c r="H42" s="21"/>
      <c r="I42" s="19"/>
      <c r="J42" s="20"/>
      <c r="K42" s="20"/>
      <c r="L42" s="20"/>
      <c r="M42" s="20"/>
      <c r="N42" s="22"/>
      <c r="O42" s="22"/>
      <c r="P42" s="22"/>
      <c r="Q42" s="22"/>
      <c r="R42" s="22"/>
      <c r="S42" s="22"/>
      <c r="T42" s="23"/>
      <c r="U42" s="24"/>
      <c r="V42" s="25"/>
      <c r="W42" s="26"/>
      <c r="X42" s="6" t="s">
        <v>1</v>
      </c>
      <c r="Y42" s="30"/>
      <c r="Z42" s="31"/>
      <c r="AA42" s="31"/>
      <c r="AB42" s="31"/>
      <c r="AC42" s="31"/>
      <c r="AD42" s="32"/>
    </row>
    <row r="43" spans="4:30" ht="50.1" customHeight="1" x14ac:dyDescent="0.4">
      <c r="D43" s="19"/>
      <c r="E43" s="20"/>
      <c r="F43" s="20"/>
      <c r="G43" s="20"/>
      <c r="H43" s="21"/>
      <c r="I43" s="19"/>
      <c r="J43" s="20"/>
      <c r="K43" s="20"/>
      <c r="L43" s="20"/>
      <c r="M43" s="20"/>
      <c r="N43" s="22"/>
      <c r="O43" s="22"/>
      <c r="P43" s="22"/>
      <c r="Q43" s="22"/>
      <c r="R43" s="22"/>
      <c r="S43" s="22"/>
      <c r="T43" s="23"/>
      <c r="U43" s="24"/>
      <c r="V43" s="25"/>
      <c r="W43" s="26"/>
      <c r="X43" s="6" t="s">
        <v>1</v>
      </c>
      <c r="Y43" s="30"/>
      <c r="Z43" s="31"/>
      <c r="AA43" s="31"/>
      <c r="AB43" s="31"/>
      <c r="AC43" s="31"/>
      <c r="AD43" s="32"/>
    </row>
    <row r="44" spans="4:30" ht="34.5" customHeight="1" x14ac:dyDescent="0.4">
      <c r="R44" s="17" t="s">
        <v>23</v>
      </c>
      <c r="S44" s="18"/>
      <c r="T44" s="18"/>
      <c r="U44" s="15">
        <f>SUM(U36:W43)</f>
        <v>0</v>
      </c>
      <c r="V44" s="16"/>
      <c r="W44" s="16"/>
      <c r="X44" s="11" t="s">
        <v>1</v>
      </c>
    </row>
  </sheetData>
  <sheetProtection algorithmName="SHA-512" hashValue="5voI2EhFezH2bXoFEeR5Gk/7xajc34Df+24IjX+iQqFtNpK8dZxtX9Atz4tP8pogQ7I/XV9mkD1Qiugd6nxN4g==" saltValue="+5K6zzYBvtV5FpCvGLj8zg==" spinCount="100000" sheet="1" objects="1" scenarios="1"/>
  <mergeCells count="82">
    <mergeCell ref="U22:W22"/>
    <mergeCell ref="U23:W23"/>
    <mergeCell ref="U25:W25"/>
    <mergeCell ref="U35:X35"/>
    <mergeCell ref="Y22:AC22"/>
    <mergeCell ref="Y23:AC23"/>
    <mergeCell ref="D41:H41"/>
    <mergeCell ref="D21:H21"/>
    <mergeCell ref="D22:H22"/>
    <mergeCell ref="D23:H23"/>
    <mergeCell ref="I22:T22"/>
    <mergeCell ref="I23:T23"/>
    <mergeCell ref="U6:AD7"/>
    <mergeCell ref="U8:AD8"/>
    <mergeCell ref="U9:AD9"/>
    <mergeCell ref="D19:H19"/>
    <mergeCell ref="U18:X18"/>
    <mergeCell ref="I18:T18"/>
    <mergeCell ref="D18:H18"/>
    <mergeCell ref="D20:H20"/>
    <mergeCell ref="Y18:AD18"/>
    <mergeCell ref="I19:T19"/>
    <mergeCell ref="I20:T20"/>
    <mergeCell ref="I21:T21"/>
    <mergeCell ref="U19:W19"/>
    <mergeCell ref="U20:W20"/>
    <mergeCell ref="U21:W21"/>
    <mergeCell ref="Y19:AC19"/>
    <mergeCell ref="Y20:AC20"/>
    <mergeCell ref="Y21:AC21"/>
    <mergeCell ref="Y25:AC25"/>
    <mergeCell ref="Y26:AC26"/>
    <mergeCell ref="U26:W26"/>
    <mergeCell ref="D25:H25"/>
    <mergeCell ref="D26:H26"/>
    <mergeCell ref="I25:T25"/>
    <mergeCell ref="I26:T26"/>
    <mergeCell ref="D42:H42"/>
    <mergeCell ref="I42:T42"/>
    <mergeCell ref="U42:W42"/>
    <mergeCell ref="D43:H43"/>
    <mergeCell ref="I43:T43"/>
    <mergeCell ref="U43:W43"/>
    <mergeCell ref="Y24:AC24"/>
    <mergeCell ref="D40:H40"/>
    <mergeCell ref="I40:T40"/>
    <mergeCell ref="U40:W40"/>
    <mergeCell ref="Y40:AD40"/>
    <mergeCell ref="Y36:AD36"/>
    <mergeCell ref="Y37:AD37"/>
    <mergeCell ref="Y38:AD38"/>
    <mergeCell ref="Y39:AD39"/>
    <mergeCell ref="D39:H39"/>
    <mergeCell ref="I39:T39"/>
    <mergeCell ref="U39:W39"/>
    <mergeCell ref="D37:H37"/>
    <mergeCell ref="I37:T37"/>
    <mergeCell ref="U37:W37"/>
    <mergeCell ref="D38:H38"/>
    <mergeCell ref="D24:H24"/>
    <mergeCell ref="I24:T24"/>
    <mergeCell ref="U24:W24"/>
    <mergeCell ref="I38:T38"/>
    <mergeCell ref="U38:W38"/>
    <mergeCell ref="D36:H36"/>
    <mergeCell ref="I36:T36"/>
    <mergeCell ref="U36:W36"/>
    <mergeCell ref="D29:I29"/>
    <mergeCell ref="D30:I30"/>
    <mergeCell ref="D35:H35"/>
    <mergeCell ref="I35:T35"/>
    <mergeCell ref="Y27:AC27"/>
    <mergeCell ref="U27:W27"/>
    <mergeCell ref="R27:T27"/>
    <mergeCell ref="R44:T44"/>
    <mergeCell ref="U44:W44"/>
    <mergeCell ref="Y42:AD42"/>
    <mergeCell ref="Y43:AD43"/>
    <mergeCell ref="I41:T41"/>
    <mergeCell ref="U41:W41"/>
    <mergeCell ref="Y41:AD41"/>
    <mergeCell ref="Y35:AD35"/>
  </mergeCells>
  <phoneticPr fontId="1"/>
  <conditionalFormatting sqref="U8:AD8">
    <cfRule type="containsBlanks" dxfId="27" priority="65">
      <formula>LEN(TRIM(U8))=0</formula>
    </cfRule>
    <cfRule type="containsBlanks" dxfId="26" priority="66">
      <formula>LEN(TRIM(U8))=0</formula>
    </cfRule>
    <cfRule type="containsBlanks" dxfId="25" priority="67">
      <formula>LEN(TRIM(U8))=0</formula>
    </cfRule>
    <cfRule type="containsBlanks" dxfId="24" priority="68">
      <formula>LEN(TRIM(U8))=0</formula>
    </cfRule>
    <cfRule type="containsBlanks" priority="69">
      <formula>LEN(TRIM(U8))=0</formula>
    </cfRule>
    <cfRule type="cellIs" priority="70" operator="between">
      <formula>$X$26</formula>
      <formula>$X$27</formula>
    </cfRule>
    <cfRule type="colorScale" priority="71">
      <colorScale>
        <cfvo type="min"/>
        <cfvo type="max"/>
        <color theme="0"/>
        <color theme="0"/>
      </colorScale>
    </cfRule>
  </conditionalFormatting>
  <conditionalFormatting sqref="U6:AD6">
    <cfRule type="containsBlanks" dxfId="23" priority="58">
      <formula>LEN(TRIM(U6))=0</formula>
    </cfRule>
    <cfRule type="containsBlanks" dxfId="22" priority="59">
      <formula>LEN(TRIM(U6))=0</formula>
    </cfRule>
    <cfRule type="containsBlanks" dxfId="21" priority="60">
      <formula>LEN(TRIM(U6))=0</formula>
    </cfRule>
    <cfRule type="containsBlanks" dxfId="20" priority="61">
      <formula>LEN(TRIM(U6))=0</formula>
    </cfRule>
    <cfRule type="containsBlanks" priority="62">
      <formula>LEN(TRIM(U6))=0</formula>
    </cfRule>
    <cfRule type="cellIs" priority="63" operator="between">
      <formula>$X$26</formula>
      <formula>$X$27</formula>
    </cfRule>
    <cfRule type="colorScale" priority="64">
      <colorScale>
        <cfvo type="min"/>
        <cfvo type="max"/>
        <color theme="0"/>
        <color theme="0"/>
      </colorScale>
    </cfRule>
  </conditionalFormatting>
  <conditionalFormatting sqref="U9:AD9">
    <cfRule type="containsBlanks" dxfId="19" priority="51">
      <formula>LEN(TRIM(U9))=0</formula>
    </cfRule>
    <cfRule type="containsBlanks" dxfId="18" priority="52">
      <formula>LEN(TRIM(U9))=0</formula>
    </cfRule>
    <cfRule type="containsBlanks" dxfId="17" priority="53">
      <formula>LEN(TRIM(U9))=0</formula>
    </cfRule>
    <cfRule type="containsBlanks" dxfId="16" priority="54">
      <formula>LEN(TRIM(U9))=0</formula>
    </cfRule>
    <cfRule type="containsBlanks" priority="55">
      <formula>LEN(TRIM(U9))=0</formula>
    </cfRule>
    <cfRule type="cellIs" priority="56" operator="between">
      <formula>$X$26</formula>
      <formula>$X$27</formula>
    </cfRule>
    <cfRule type="colorScale" priority="57">
      <colorScale>
        <cfvo type="min"/>
        <cfvo type="max"/>
        <color theme="0"/>
        <color theme="0"/>
      </colorScale>
    </cfRule>
  </conditionalFormatting>
  <conditionalFormatting sqref="Y4 AA4">
    <cfRule type="colorScale" priority="41">
      <colorScale>
        <cfvo type="min"/>
        <cfvo type="max"/>
        <color theme="0"/>
        <color theme="0"/>
      </colorScale>
    </cfRule>
    <cfRule type="expression" priority="42">
      <formula>Y2=""</formula>
    </cfRule>
    <cfRule type="expression" priority="43">
      <formula>Y2=""</formula>
    </cfRule>
    <cfRule type="expression" priority="44">
      <formula>Y2=""</formula>
    </cfRule>
    <cfRule type="colorScale" priority="45">
      <colorScale>
        <cfvo type="min"/>
        <cfvo type="max"/>
        <color rgb="FFFFFF99"/>
        <color rgb="FFFFFF99"/>
      </colorScale>
    </cfRule>
  </conditionalFormatting>
  <conditionalFormatting sqref="AC4">
    <cfRule type="colorScale" priority="36">
      <colorScale>
        <cfvo type="min"/>
        <cfvo type="max"/>
        <color theme="0"/>
        <color theme="0"/>
      </colorScale>
    </cfRule>
    <cfRule type="expression" priority="37">
      <formula>AC2=""</formula>
    </cfRule>
    <cfRule type="expression" priority="38">
      <formula>AC2=""</formula>
    </cfRule>
    <cfRule type="expression" priority="39">
      <formula>AC2=""</formula>
    </cfRule>
    <cfRule type="colorScale" priority="40">
      <colorScale>
        <cfvo type="min"/>
        <cfvo type="max"/>
        <color rgb="FFFFFF99"/>
        <color rgb="FFFFFF99"/>
      </colorScale>
    </cfRule>
  </conditionalFormatting>
  <conditionalFormatting sqref="D19:M26 U19:U26">
    <cfRule type="containsBlanks" dxfId="15" priority="29">
      <formula>LEN(TRIM(D19))=0</formula>
    </cfRule>
    <cfRule type="containsBlanks" dxfId="14" priority="30">
      <formula>LEN(TRIM(D19))=0</formula>
    </cfRule>
    <cfRule type="containsBlanks" dxfId="13" priority="31">
      <formula>LEN(TRIM(D19))=0</formula>
    </cfRule>
    <cfRule type="containsBlanks" dxfId="12" priority="32">
      <formula>LEN(TRIM(D19))=0</formula>
    </cfRule>
    <cfRule type="containsBlanks" priority="33">
      <formula>LEN(TRIM(D19))=0</formula>
    </cfRule>
    <cfRule type="cellIs" priority="34" operator="between">
      <formula>$X$26</formula>
      <formula>$X$27</formula>
    </cfRule>
    <cfRule type="colorScale" priority="35">
      <colorScale>
        <cfvo type="min"/>
        <cfvo type="max"/>
        <color theme="0"/>
        <color theme="0"/>
      </colorScale>
    </cfRule>
  </conditionalFormatting>
  <conditionalFormatting sqref="D30:H30">
    <cfRule type="containsBlanks" dxfId="11" priority="22">
      <formula>LEN(TRIM(D30))=0</formula>
    </cfRule>
    <cfRule type="containsBlanks" dxfId="10" priority="23">
      <formula>LEN(TRIM(D30))=0</formula>
    </cfRule>
    <cfRule type="containsBlanks" dxfId="9" priority="24">
      <formula>LEN(TRIM(D30))=0</formula>
    </cfRule>
    <cfRule type="containsBlanks" dxfId="8" priority="25">
      <formula>LEN(TRIM(D30))=0</formula>
    </cfRule>
    <cfRule type="containsBlanks" priority="26">
      <formula>LEN(TRIM(D30))=0</formula>
    </cfRule>
    <cfRule type="cellIs" priority="27" operator="between">
      <formula>$X$26</formula>
      <formula>$X$27</formula>
    </cfRule>
    <cfRule type="colorScale" priority="28">
      <colorScale>
        <cfvo type="min"/>
        <cfvo type="max"/>
        <color theme="0"/>
        <color theme="0"/>
      </colorScale>
    </cfRule>
  </conditionalFormatting>
  <conditionalFormatting sqref="D36:M43 U36:U43">
    <cfRule type="containsBlanks" dxfId="7" priority="8">
      <formula>LEN(TRIM(D36))=0</formula>
    </cfRule>
    <cfRule type="containsBlanks" dxfId="6" priority="9">
      <formula>LEN(TRIM(D36))=0</formula>
    </cfRule>
    <cfRule type="containsBlanks" dxfId="5" priority="10">
      <formula>LEN(TRIM(D36))=0</formula>
    </cfRule>
    <cfRule type="containsBlanks" dxfId="4" priority="11">
      <formula>LEN(TRIM(D36))=0</formula>
    </cfRule>
    <cfRule type="containsBlanks" priority="12">
      <formula>LEN(TRIM(D36))=0</formula>
    </cfRule>
    <cfRule type="cellIs" priority="13" operator="between">
      <formula>$X$26</formula>
      <formula>$X$27</formula>
    </cfRule>
    <cfRule type="colorScale" priority="14">
      <colorScale>
        <cfvo type="min"/>
        <cfvo type="max"/>
        <color theme="0"/>
        <color theme="0"/>
      </colorScale>
    </cfRule>
  </conditionalFormatting>
  <conditionalFormatting sqref="Y19:Y26">
    <cfRule type="containsBlanks" dxfId="3" priority="1">
      <formula>LEN(TRIM(Y19))=0</formula>
    </cfRule>
    <cfRule type="containsBlanks" dxfId="2" priority="2">
      <formula>LEN(TRIM(Y19))=0</formula>
    </cfRule>
    <cfRule type="containsBlanks" dxfId="1" priority="3">
      <formula>LEN(TRIM(Y19))=0</formula>
    </cfRule>
    <cfRule type="containsBlanks" dxfId="0" priority="4">
      <formula>LEN(TRIM(Y19))=0</formula>
    </cfRule>
    <cfRule type="containsBlanks" priority="5">
      <formula>LEN(TRIM(Y19))=0</formula>
    </cfRule>
    <cfRule type="cellIs" priority="6" operator="between">
      <formula>$X$26</formula>
      <formula>$X$27</formula>
    </cfRule>
    <cfRule type="colorScale" priority="7">
      <colorScale>
        <cfvo type="min"/>
        <cfvo type="max"/>
        <color theme="0"/>
        <color theme="0"/>
      </colorScale>
    </cfRule>
  </conditionalFormatting>
  <pageMargins left="0.7" right="0.7" top="0.75" bottom="0.75" header="0.3" footer="0.3"/>
  <pageSetup paperSize="9" scale="5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(様式１ｰ６)　　株主代表に係る確認書</vt:lpstr>
      <vt:lpstr>'(様式１ｰ６)　　株主代表に係る確認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事務局</dc:creator>
  <cp:lastModifiedBy>user</cp:lastModifiedBy>
  <cp:lastPrinted>2025-03-26T00:22:30Z</cp:lastPrinted>
  <dcterms:created xsi:type="dcterms:W3CDTF">2023-03-16T14:18:54Z</dcterms:created>
  <dcterms:modified xsi:type="dcterms:W3CDTF">2025-03-28T00:55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ea60d57e-af5b-4752-ac57-3e4f28ca11dc_Enabled">
    <vt:lpwstr>true</vt:lpwstr>
  </property>
  <property fmtid="{D5CDD505-2E9C-101B-9397-08002B2CF9AE}" pid="3" name="MSIP_Label_ea60d57e-af5b-4752-ac57-3e4f28ca11dc_SetDate">
    <vt:lpwstr>2023-03-16T14:18:55Z</vt:lpwstr>
  </property>
  <property fmtid="{D5CDD505-2E9C-101B-9397-08002B2CF9AE}" pid="4" name="MSIP_Label_ea60d57e-af5b-4752-ac57-3e4f28ca11dc_Method">
    <vt:lpwstr>Standard</vt:lpwstr>
  </property>
  <property fmtid="{D5CDD505-2E9C-101B-9397-08002B2CF9AE}" pid="5" name="MSIP_Label_ea60d57e-af5b-4752-ac57-3e4f28ca11dc_Name">
    <vt:lpwstr>ea60d57e-af5b-4752-ac57-3e4f28ca11dc</vt:lpwstr>
  </property>
  <property fmtid="{D5CDD505-2E9C-101B-9397-08002B2CF9AE}" pid="6" name="MSIP_Label_ea60d57e-af5b-4752-ac57-3e4f28ca11dc_SiteId">
    <vt:lpwstr>36da45f1-dd2c-4d1f-af13-5abe46b99921</vt:lpwstr>
  </property>
  <property fmtid="{D5CDD505-2E9C-101B-9397-08002B2CF9AE}" pid="7" name="MSIP_Label_ea60d57e-af5b-4752-ac57-3e4f28ca11dc_ActionId">
    <vt:lpwstr>b3e6030a-db20-4646-b99e-2ae30815517b</vt:lpwstr>
  </property>
  <property fmtid="{D5CDD505-2E9C-101B-9397-08002B2CF9AE}" pid="8" name="MSIP_Label_ea60d57e-af5b-4752-ac57-3e4f28ca11dc_ContentBits">
    <vt:lpwstr>0</vt:lpwstr>
  </property>
</Properties>
</file>